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7" uniqueCount="750">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城北産婦人科クリニック</t>
    <phoneticPr fontId="3"/>
  </si>
  <si>
    <t>〒690-0877 島根県松江市春日町48-1</t>
    <phoneticPr fontId="3"/>
  </si>
  <si>
    <t>〇</t>
  </si>
  <si>
    <t>個人</t>
  </si>
  <si>
    <t>*</t>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2818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2</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12</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2</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2</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439</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2</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t="s">
        <v>749</v>
      </c>
      <c r="K146" s="106" t="str">
        <f t="shared" ref="K146:K151" si="1">IF(OR(COUNTIF(J146,"未確認")&gt;0,COUNTIF(J146,"*")&gt;0),"※","")</f>
        <v>※</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01</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1</v>
      </c>
      <c r="K171" s="118" t="str">
        <f t="shared" ref="K171:K186" si="2">IF(OR(COUNTIF(L171:O171,"未確認")&gt;0,COUNTIF(L171:O171,"*")&gt;0),"※","")</f>
        <v/>
      </c>
      <c r="L171" s="212">
        <v>1</v>
      </c>
      <c r="M171" s="212"/>
      <c r="N171" s="212"/>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4</v>
      </c>
      <c r="K172" s="118" t="str">
        <f t="shared" si="2"/>
        <v/>
      </c>
      <c r="L172" s="213"/>
      <c r="M172" s="213"/>
      <c r="N172" s="213">
        <v>0.4</v>
      </c>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3</v>
      </c>
      <c r="K173" s="118" t="str">
        <f t="shared" si="2"/>
        <v/>
      </c>
      <c r="L173" s="212">
        <v>3</v>
      </c>
      <c r="M173" s="212"/>
      <c r="N173" s="212"/>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5</v>
      </c>
      <c r="K177" s="118" t="str">
        <f t="shared" si="2"/>
        <v/>
      </c>
      <c r="L177" s="212">
        <v>4</v>
      </c>
      <c r="M177" s="212"/>
      <c r="N177" s="212">
        <v>1</v>
      </c>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1</v>
      </c>
      <c r="K194" s="118" t="str">
        <f>IF(OR(COUNTIF(L194:O194,"未確認")&gt;0,COUNTIF(L194:O194,"*")&gt;0),"※","")</f>
        <v/>
      </c>
      <c r="L194" s="213">
        <v>1</v>
      </c>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453</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2586</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443</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215</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215</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443</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433</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1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443</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443</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t="s">
        <v>749</v>
      </c>
      <c r="K365" s="118" t="str">
        <f t="shared" ref="K365:K393" si="5">IF(OR(COUNTIF(J365,"未確認")&gt;0,COUNTIF(J365,"*")&gt;0),"※","")</f>
        <v>※</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t="s">
        <v>749</v>
      </c>
      <c r="K378" s="118" t="str">
        <f t="shared" si="5"/>
        <v>※</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t="s">
        <v>749</v>
      </c>
      <c r="K402" s="118" t="str">
        <f t="shared" si="6"/>
        <v>※</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24</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t="s">
        <v>748</v>
      </c>
      <c r="K472" s="118" t="str">
        <f t="shared" si="9"/>
        <v>※</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11</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9:22Z</dcterms:modified>
</cp:coreProperties>
</file>